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>
        <p:scale>
          <a:sx n="50" d="100"/>
          <a:sy n="50" d="100"/>
        </p:scale>
        <p:origin x="187" y="706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Book1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view3D>
      <c:rotX val="30"/>
      <c:rotY val="0"/>
      <c:depthPercent val="100"/>
      <c:rAngAx val="0"/>
    </c:view3D>
    <c:floor>
      <c:thickness val="0"/>
      <c:spPr>
        <a:noFill/>
        <a:ln>
          <a:noFill/>
        </a:ln>
        <a:effectLst/>
        <a:sp3d/>
      </c:spPr>
    </c:floor>
    <c:sideWall>
      <c:thickness val="0"/>
      <c:spPr>
        <a:noFill/>
        <a:ln>
          <a:noFill/>
        </a:ln>
        <a:effectLst/>
        <a:sp3d/>
      </c:spPr>
    </c:sideWall>
    <c:backWall>
      <c:thickness val="0"/>
      <c:spPr>
        <a:noFill/>
        <a:ln>
          <a:noFill/>
        </a:ln>
        <a:effectLst/>
        <a:sp3d/>
      </c:spPr>
    </c:backWall>
    <c:plotArea>
      <c:layout/>
      <c:pie3DChart>
        <c:varyColors val="1"/>
        <c:ser>
          <c:idx val="0"/>
          <c:order val="0"/>
          <c:dPt>
            <c:idx val="0"/>
            <c:bubble3D val="0"/>
            <c:spPr>
              <a:solidFill>
                <a:schemeClr val="accent1"/>
              </a:solidFill>
              <a:ln w="25400">
                <a:solidFill>
                  <a:schemeClr val="lt1"/>
                </a:solidFill>
              </a:ln>
              <a:effectLst/>
              <a:sp3d contourW="25400">
                <a:contourClr>
                  <a:schemeClr val="lt1"/>
                </a:contourClr>
              </a:sp3d>
            </c:spPr>
            <c:extLst>
              <c:ext xmlns:c16="http://schemas.microsoft.com/office/drawing/2014/chart" uri="{C3380CC4-5D6E-409C-BE32-E72D297353CC}">
                <c16:uniqueId val="{00000001-7EBB-4804-AEA8-06BABE21A4FA}"/>
              </c:ext>
            </c:extLst>
          </c:dPt>
          <c:dPt>
            <c:idx val="1"/>
            <c:bubble3D val="0"/>
            <c:spPr>
              <a:solidFill>
                <a:schemeClr val="accent2"/>
              </a:solidFill>
              <a:ln w="25400">
                <a:solidFill>
                  <a:schemeClr val="lt1"/>
                </a:solidFill>
              </a:ln>
              <a:effectLst/>
              <a:sp3d contourW="25400">
                <a:contourClr>
                  <a:schemeClr val="lt1"/>
                </a:contourClr>
              </a:sp3d>
            </c:spPr>
            <c:extLst>
              <c:ext xmlns:c16="http://schemas.microsoft.com/office/drawing/2014/chart" uri="{C3380CC4-5D6E-409C-BE32-E72D297353CC}">
                <c16:uniqueId val="{00000003-7EBB-4804-AEA8-06BABE21A4FA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 w="25400">
                <a:solidFill>
                  <a:schemeClr val="lt1"/>
                </a:solidFill>
              </a:ln>
              <a:effectLst/>
              <a:sp3d contourW="25400">
                <a:contourClr>
                  <a:schemeClr val="lt1"/>
                </a:contourClr>
              </a:sp3d>
            </c:spPr>
            <c:extLst>
              <c:ext xmlns:c16="http://schemas.microsoft.com/office/drawing/2014/chart" uri="{C3380CC4-5D6E-409C-BE32-E72D297353CC}">
                <c16:uniqueId val="{00000005-7EBB-4804-AEA8-06BABE21A4FA}"/>
              </c:ext>
            </c:extLst>
          </c:dPt>
          <c:dLbls>
            <c:dLbl>
              <c:idx val="0"/>
              <c:layout>
                <c:manualLayout>
                  <c:x val="7.3356961200249078E-4"/>
                  <c:y val="-0.21250875669011124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7EBB-4804-AEA8-06BABE21A4FA}"/>
                </c:ext>
              </c:extLst>
            </c:dLbl>
            <c:dLbl>
              <c:idx val="1"/>
              <c:layout>
                <c:manualLayout>
                  <c:x val="-2.3844649684864865E-3"/>
                  <c:y val="-6.8677202716208516E-2"/>
                </c:manualLayout>
              </c:layout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noAutofit/>
                </a:bodyPr>
                <a:lstStyle/>
                <a:p>
                  <a:pPr>
                    <a:defRPr sz="900" b="0" i="0" u="none" strike="noStrike" kern="1200" baseline="0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showLegendKey val="0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>
                    <c:manualLayout>
                      <c:w val="0.19711751662971172"/>
                      <c:h val="0.24300118623962041"/>
                    </c:manualLayout>
                  </c15:layout>
                </c:ext>
                <c:ext xmlns:c16="http://schemas.microsoft.com/office/drawing/2014/chart" uri="{C3380CC4-5D6E-409C-BE32-E72D297353CC}">
                  <c16:uniqueId val="{00000003-7EBB-4804-AEA8-06BABE21A4FA}"/>
                </c:ext>
              </c:extLst>
            </c:dLbl>
            <c:dLbl>
              <c:idx val="2"/>
              <c:layout>
                <c:manualLayout>
                  <c:x val="-3.3729652972979265E-2"/>
                  <c:y val="-6.6051129729780217E-3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7EBB-4804-AEA8-06BABE21A4FA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1"/>
            <c:showSerName val="0"/>
            <c:showPercent val="0"/>
            <c:showBubbleSize val="0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Sheet1!$B$2:$B$4</c:f>
              <c:strCache>
                <c:ptCount val="3"/>
                <c:pt idx="0">
                  <c:v>Happy Family</c:v>
                </c:pt>
                <c:pt idx="1">
                  <c:v>Hour Family</c:v>
                </c:pt>
                <c:pt idx="2">
                  <c:v>Co-Family</c:v>
                </c:pt>
              </c:strCache>
            </c:strRef>
          </c:cat>
          <c:val>
            <c:numRef>
              <c:f>Sheet1!$C$2:$C$4</c:f>
              <c:numCache>
                <c:formatCode>0%</c:formatCode>
                <c:ptCount val="3"/>
                <c:pt idx="0">
                  <c:v>0.6</c:v>
                </c:pt>
                <c:pt idx="1">
                  <c:v>0.2</c:v>
                </c:pt>
                <c:pt idx="2">
                  <c:v>0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7EBB-4804-AEA8-06BABE21A4FA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</c:pie3DChart>
      <c:spPr>
        <a:noFill/>
        <a:ln>
          <a:noFill/>
        </a:ln>
        <a:effectLst/>
      </c:spPr>
    </c:plotArea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62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1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AU" sz="1400" i="1" dirty="0"/>
              <a:t>Leader producer of beer, spirit and non-alcoholic beverages in Singapore &amp; Malaysia growing current operation</a:t>
            </a:r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92808"/>
            <a:ext cx="48181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Asia based producer of beer, spirits and non-alcoholic beverages.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Operations include manufacturing, distribution, and direct sales on Singapore (HQ), Malaysia (manufacturing </a:t>
            </a:r>
            <a:r>
              <a:rPr lang="en-AU" sz="900" dirty="0" err="1">
                <a:solidFill>
                  <a:schemeClr val="tx2"/>
                </a:solidFill>
                <a:latin typeface="Arial" panose="020B0604020202020204" pitchFamily="34" charset="0"/>
              </a:rPr>
              <a:t>Iin</a:t>
            </a: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 Malaysia is outsourced to Brew Co.) and China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Recently expanded operations to China and has expansion plan for </a:t>
            </a:r>
            <a:r>
              <a:rPr lang="en-AU" sz="900" dirty="0" err="1">
                <a:solidFill>
                  <a:schemeClr val="tx2"/>
                </a:solidFill>
                <a:latin typeface="Arial" panose="020B0604020202020204" pitchFamily="34" charset="0"/>
              </a:rPr>
              <a:t>Combodia</a:t>
            </a:r>
            <a:endParaRPr lang="en-AU" sz="900" dirty="0">
              <a:solidFill>
                <a:schemeClr val="tx2"/>
              </a:solidFill>
              <a:latin typeface="Arial" panose="020B0604020202020204" pitchFamily="34" charset="0"/>
            </a:endParaRP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Majority Owner and co-founder Ms. Happy looking to exit with no close family to inherit the business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Key Strengths: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Largest Beer and Spirits company in Singapore &amp; Malaysia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Largest non-alcoholic beverages in Malaysia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Developed a strong supply chain with strong relationship with distributers</a:t>
            </a:r>
          </a:p>
          <a:p>
            <a:pPr marL="0" lvl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        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41605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23561" y="4556304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2" name="Chart 1">
            <a:extLst>
              <a:ext uri="{FF2B5EF4-FFF2-40B4-BE49-F238E27FC236}">
                <a16:creationId xmlns:a16="http://schemas.microsoft.com/office/drawing/2014/main" id="{8F9A7226-02CF-7AA6-D382-569BC01C90C0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729565510"/>
              </p:ext>
            </p:extLst>
          </p:nvPr>
        </p:nvGraphicFramePr>
        <p:xfrm>
          <a:off x="914400" y="4732813"/>
          <a:ext cx="4160520" cy="154686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6FD0C619-F54F-BC37-CA16-4E3BF5498CD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90061702"/>
              </p:ext>
            </p:extLst>
          </p:nvPr>
        </p:nvGraphicFramePr>
        <p:xfrm>
          <a:off x="5929313" y="2057400"/>
          <a:ext cx="3963796" cy="2103120"/>
        </p:xfrm>
        <a:graphic>
          <a:graphicData uri="http://schemas.openxmlformats.org/drawingml/2006/table">
            <a:tbl>
              <a:tblPr/>
              <a:tblGrid>
                <a:gridCol w="971965">
                  <a:extLst>
                    <a:ext uri="{9D8B030D-6E8A-4147-A177-3AD203B41FA5}">
                      <a16:colId xmlns:a16="http://schemas.microsoft.com/office/drawing/2014/main" val="1748128725"/>
                    </a:ext>
                  </a:extLst>
                </a:gridCol>
                <a:gridCol w="728974">
                  <a:extLst>
                    <a:ext uri="{9D8B030D-6E8A-4147-A177-3AD203B41FA5}">
                      <a16:colId xmlns:a16="http://schemas.microsoft.com/office/drawing/2014/main" val="2213747995"/>
                    </a:ext>
                  </a:extLst>
                </a:gridCol>
                <a:gridCol w="744161">
                  <a:extLst>
                    <a:ext uri="{9D8B030D-6E8A-4147-A177-3AD203B41FA5}">
                      <a16:colId xmlns:a16="http://schemas.microsoft.com/office/drawing/2014/main" val="2102498181"/>
                    </a:ext>
                  </a:extLst>
                </a:gridCol>
                <a:gridCol w="744161">
                  <a:extLst>
                    <a:ext uri="{9D8B030D-6E8A-4147-A177-3AD203B41FA5}">
                      <a16:colId xmlns:a16="http://schemas.microsoft.com/office/drawing/2014/main" val="2977949489"/>
                    </a:ext>
                  </a:extLst>
                </a:gridCol>
                <a:gridCol w="774535">
                  <a:extLst>
                    <a:ext uri="{9D8B030D-6E8A-4147-A177-3AD203B41FA5}">
                      <a16:colId xmlns:a16="http://schemas.microsoft.com/office/drawing/2014/main" val="3135638264"/>
                    </a:ext>
                  </a:extLst>
                </a:gridCol>
              </a:tblGrid>
              <a:tr h="1752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US$mm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FY18A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FY19A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FY20E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720962161"/>
                  </a:ext>
                </a:extLst>
              </a:tr>
              <a:tr h="1752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Revenue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900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961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071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857676898"/>
                  </a:ext>
                </a:extLst>
              </a:tr>
              <a:tr h="1752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Growth(%)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0%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7%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1%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70563449"/>
                  </a:ext>
                </a:extLst>
              </a:tr>
              <a:tr h="175260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067510550"/>
                  </a:ext>
                </a:extLst>
              </a:tr>
              <a:tr h="1752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Beer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00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10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35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14121059"/>
                  </a:ext>
                </a:extLst>
              </a:tr>
              <a:tr h="1752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Spirits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75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85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05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94235834"/>
                  </a:ext>
                </a:extLst>
              </a:tr>
              <a:tr h="175260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Non-alcoholic beverages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0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5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0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12307322"/>
                  </a:ext>
                </a:extLst>
              </a:tr>
              <a:tr h="1752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EBITDA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225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250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300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26039740"/>
                  </a:ext>
                </a:extLst>
              </a:tr>
              <a:tr h="1752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argin(%)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5%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6%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8%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46385238"/>
                  </a:ext>
                </a:extLst>
              </a:tr>
              <a:tr h="175260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012976865"/>
                  </a:ext>
                </a:extLst>
              </a:tr>
              <a:tr h="1752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NPAT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135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153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193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08917810"/>
                  </a:ext>
                </a:extLst>
              </a:tr>
              <a:tr h="175260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argin(%)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5%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6%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8%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76516906"/>
                  </a:ext>
                </a:extLst>
              </a:tr>
            </a:tbl>
          </a:graphicData>
        </a:graphic>
      </p:graphicFrame>
      <p:graphicFrame>
        <p:nvGraphicFramePr>
          <p:cNvPr id="9" name="Table 8">
            <a:extLst>
              <a:ext uri="{FF2B5EF4-FFF2-40B4-BE49-F238E27FC236}">
                <a16:creationId xmlns:a16="http://schemas.microsoft.com/office/drawing/2014/main" id="{9DF60AA9-E5A1-6240-7D1A-AABB700630C3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61989806"/>
              </p:ext>
            </p:extLst>
          </p:nvPr>
        </p:nvGraphicFramePr>
        <p:xfrm>
          <a:off x="5939155" y="4967784"/>
          <a:ext cx="3963796" cy="1225812"/>
        </p:xfrm>
        <a:graphic>
          <a:graphicData uri="http://schemas.openxmlformats.org/drawingml/2006/table">
            <a:tbl>
              <a:tblPr/>
              <a:tblGrid>
                <a:gridCol w="1326725">
                  <a:extLst>
                    <a:ext uri="{9D8B030D-6E8A-4147-A177-3AD203B41FA5}">
                      <a16:colId xmlns:a16="http://schemas.microsoft.com/office/drawing/2014/main" val="2831413760"/>
                    </a:ext>
                  </a:extLst>
                </a:gridCol>
                <a:gridCol w="786208">
                  <a:extLst>
                    <a:ext uri="{9D8B030D-6E8A-4147-A177-3AD203B41FA5}">
                      <a16:colId xmlns:a16="http://schemas.microsoft.com/office/drawing/2014/main" val="3228649745"/>
                    </a:ext>
                  </a:extLst>
                </a:gridCol>
                <a:gridCol w="802587">
                  <a:extLst>
                    <a:ext uri="{9D8B030D-6E8A-4147-A177-3AD203B41FA5}">
                      <a16:colId xmlns:a16="http://schemas.microsoft.com/office/drawing/2014/main" val="895950654"/>
                    </a:ext>
                  </a:extLst>
                </a:gridCol>
                <a:gridCol w="1048276">
                  <a:extLst>
                    <a:ext uri="{9D8B030D-6E8A-4147-A177-3AD203B41FA5}">
                      <a16:colId xmlns:a16="http://schemas.microsoft.com/office/drawing/2014/main" val="3999763453"/>
                    </a:ext>
                  </a:extLst>
                </a:gridCol>
              </a:tblGrid>
              <a:tr h="204302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US$mm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209632489"/>
                  </a:ext>
                </a:extLst>
              </a:tr>
              <a:tr h="204302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020E EBITDA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0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84991676"/>
                  </a:ext>
                </a:extLst>
              </a:tr>
              <a:tr h="204302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Growth </a:t>
                      </a:r>
                      <a:r>
                        <a:rPr lang="en-IN" sz="1100" b="0" i="1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(%)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0%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328940470"/>
                  </a:ext>
                </a:extLst>
              </a:tr>
              <a:tr h="204302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36446864"/>
                  </a:ext>
                </a:extLst>
              </a:tr>
              <a:tr h="204302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V/EBITDA Multiple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0.0x - 11.5x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14742420"/>
                  </a:ext>
                </a:extLst>
              </a:tr>
              <a:tr h="204302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Valuation Range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 dirty="0">
                          <a:solidFill>
                            <a:srgbClr val="000000"/>
                          </a:solidFill>
                          <a:effectLst/>
                          <a:highlight>
                            <a:srgbClr val="D9E1F2"/>
                          </a:highlight>
                          <a:latin typeface="Calibri" panose="020F0502020204030204" pitchFamily="34" charset="0"/>
                        </a:rPr>
                        <a:t>3000 - 3500</a:t>
                      </a:r>
                    </a:p>
                  </a:txBody>
                  <a:tcPr marL="7620" marR="7620" marT="762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9E1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85038311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35342925"/>
              </p:ext>
            </p:extLst>
          </p:nvPr>
        </p:nvGraphicFramePr>
        <p:xfrm>
          <a:off x="913379" y="1745511"/>
          <a:ext cx="8861879" cy="501532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0075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  <a:latin typeface="+mj-lt"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  <a:latin typeface="+mj-lt"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  <a:latin typeface="+mj-lt"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22193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Mar 9, 2020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Access to indicative bid document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Valuation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Initial valuation analysis based on indicative bid document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Structure and financing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Begin financing discussion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Approvals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Collect and confirm required approvals</a:t>
                      </a: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22193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9am Apr 9, 2020 – 5pm Apr 13, 2020 (HKT)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Indicative Bid Q%A Submission Due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22193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5pm May 13, 2020 (HKT)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Indicative Bid Due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42340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Late May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Start of Final Bid Phase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Site visit &amp; management present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Organize site visit and present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Due diligence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Conduct due diligence based on new information collected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Organize Q&amp;A Submiss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Valu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Finalize  valuation based on the financial forecast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Financing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Confirm sources for financing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Approval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Commence preparing application for internal regulatory approvals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+mj-lt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704896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Late July 2020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+mj-lt"/>
                        </a:rPr>
                        <a:t>Final Bid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51</TotalTime>
  <Words>360</Words>
  <Application>Microsoft Office PowerPoint</Application>
  <PresentationFormat>Custom</PresentationFormat>
  <Paragraphs>114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Arial Narrow</vt:lpstr>
      <vt:lpstr>Calibri</vt:lpstr>
      <vt:lpstr>Wingdings</vt:lpstr>
      <vt:lpstr>PP+ UnifiedGIB - A4</vt:lpstr>
      <vt:lpstr>HappyHour Co.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205424 .</cp:lastModifiedBy>
  <cp:revision>20</cp:revision>
  <dcterms:created xsi:type="dcterms:W3CDTF">2020-04-17T12:29:06Z</dcterms:created>
  <dcterms:modified xsi:type="dcterms:W3CDTF">2024-08-11T14:56:56Z</dcterms:modified>
</cp:coreProperties>
</file>